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4DE13530-BA71-4283-BF8F-876F2BEF0FD8}" xr6:coauthVersionLast="47" xr6:coauthVersionMax="47" xr10:uidLastSave="{00000000-0000-0000-0000-000000000000}"/>
  <bookViews>
    <workbookView xWindow="-120" yWindow="-120" windowWidth="29040" windowHeight="15840" xr2:uid="{FE1FD0D9-8FB6-4237-A881-9B535E7F2880}"/>
  </bookViews>
  <sheets>
    <sheet name="239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39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2" uniqueCount="38">
  <si>
    <t>名称№２３９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消火器点検・充填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各種消火器外観点検</t>
    <rPh sb="0" eb="2">
      <t>カクシュ</t>
    </rPh>
    <rPh sb="2" eb="5">
      <t>ショウカキ</t>
    </rPh>
    <rPh sb="5" eb="7">
      <t>ガイカン</t>
    </rPh>
    <rPh sb="7" eb="9">
      <t>テンケン</t>
    </rPh>
    <phoneticPr fontId="2"/>
  </si>
  <si>
    <t>小型（５０型未満）　点検済証付</t>
    <rPh sb="0" eb="2">
      <t>コガタ</t>
    </rPh>
    <rPh sb="5" eb="6">
      <t>ガタ</t>
    </rPh>
    <rPh sb="6" eb="8">
      <t>ミマン</t>
    </rPh>
    <rPh sb="10" eb="12">
      <t>テンケン</t>
    </rPh>
    <rPh sb="12" eb="13">
      <t>ズ</t>
    </rPh>
    <rPh sb="13" eb="14">
      <t>ショウ</t>
    </rPh>
    <rPh sb="14" eb="15">
      <t>ツキ</t>
    </rPh>
    <phoneticPr fontId="2"/>
  </si>
  <si>
    <t>本</t>
    <rPh sb="0" eb="1">
      <t>ホン</t>
    </rPh>
    <phoneticPr fontId="2"/>
  </si>
  <si>
    <t>大型（５０型以上）　点検済証付</t>
    <rPh sb="0" eb="2">
      <t>オオガタ</t>
    </rPh>
    <rPh sb="5" eb="6">
      <t>ガタ</t>
    </rPh>
    <rPh sb="6" eb="8">
      <t>イジョウ</t>
    </rPh>
    <rPh sb="10" eb="12">
      <t>テンケン</t>
    </rPh>
    <rPh sb="12" eb="13">
      <t>ズ</t>
    </rPh>
    <rPh sb="13" eb="14">
      <t>ショウ</t>
    </rPh>
    <rPh sb="14" eb="15">
      <t>ツキ</t>
    </rPh>
    <phoneticPr fontId="2"/>
  </si>
  <si>
    <t>自動車及び車両用　点検済証付</t>
    <rPh sb="9" eb="11">
      <t>テンケン</t>
    </rPh>
    <rPh sb="11" eb="12">
      <t>ズ</t>
    </rPh>
    <rPh sb="12" eb="13">
      <t>ショウ</t>
    </rPh>
    <rPh sb="13" eb="14">
      <t>ツキ</t>
    </rPh>
    <phoneticPr fontId="2"/>
  </si>
  <si>
    <t>各種消火器機能点検</t>
    <rPh sb="0" eb="2">
      <t>カクシュ</t>
    </rPh>
    <rPh sb="2" eb="5">
      <t>ショウカキ</t>
    </rPh>
    <rPh sb="5" eb="7">
      <t>キノウ</t>
    </rPh>
    <rPh sb="7" eb="9">
      <t>テンケン</t>
    </rPh>
    <phoneticPr fontId="2"/>
  </si>
  <si>
    <t>４型（放射試験なし）</t>
    <rPh sb="1" eb="2">
      <t>ガタ</t>
    </rPh>
    <rPh sb="3" eb="5">
      <t>ホウシャ</t>
    </rPh>
    <rPh sb="5" eb="7">
      <t>シケン</t>
    </rPh>
    <phoneticPr fontId="2"/>
  </si>
  <si>
    <t>４型（放射試験あり）</t>
    <rPh sb="1" eb="2">
      <t>ガタ</t>
    </rPh>
    <rPh sb="3" eb="5">
      <t>ホウシャ</t>
    </rPh>
    <rPh sb="5" eb="7">
      <t>シケン</t>
    </rPh>
    <phoneticPr fontId="2"/>
  </si>
  <si>
    <t>６型（放射試験なし）</t>
  </si>
  <si>
    <t>６型（放射試験あり）</t>
  </si>
  <si>
    <t>１０型（放射試験なし）</t>
    <rPh sb="2" eb="3">
      <t>ガタ</t>
    </rPh>
    <rPh sb="4" eb="6">
      <t>ホウシャ</t>
    </rPh>
    <rPh sb="6" eb="8">
      <t>シケン</t>
    </rPh>
    <phoneticPr fontId="2"/>
  </si>
  <si>
    <t>各種消火器機能点検</t>
  </si>
  <si>
    <t>１０型（放射試験あり）</t>
  </si>
  <si>
    <t>本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B8665093-C919-4E03-BABD-309426475CF6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C4F148-8782-4F9C-812B-4273CFA931CF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I17" sqref="I17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5151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388</v>
      </c>
      <c r="G10" s="38"/>
      <c r="H10" s="33"/>
    </row>
    <row r="11" spans="1:10" ht="24.95" customHeight="1" x14ac:dyDescent="0.15">
      <c r="A11" s="26">
        <v>1</v>
      </c>
      <c r="B11" s="34" t="s">
        <v>12</v>
      </c>
      <c r="C11" s="35">
        <v>3</v>
      </c>
      <c r="D11" s="36" t="s">
        <v>16</v>
      </c>
      <c r="E11" s="37" t="s">
        <v>14</v>
      </c>
      <c r="F11" s="31">
        <v>671</v>
      </c>
      <c r="G11" s="38"/>
      <c r="H11" s="33"/>
    </row>
    <row r="12" spans="1:10" ht="24.95" customHeight="1" x14ac:dyDescent="0.15">
      <c r="A12" s="26">
        <v>2</v>
      </c>
      <c r="B12" s="34" t="s">
        <v>17</v>
      </c>
      <c r="C12" s="35">
        <v>1</v>
      </c>
      <c r="D12" s="36" t="s">
        <v>18</v>
      </c>
      <c r="E12" s="37" t="s">
        <v>14</v>
      </c>
      <c r="F12" s="31">
        <v>131</v>
      </c>
      <c r="G12" s="38"/>
      <c r="H12" s="33"/>
    </row>
    <row r="13" spans="1:10" ht="24.95" customHeight="1" x14ac:dyDescent="0.15">
      <c r="A13" s="39">
        <v>2</v>
      </c>
      <c r="B13" s="40" t="s">
        <v>17</v>
      </c>
      <c r="C13" s="39">
        <v>2</v>
      </c>
      <c r="D13" s="41" t="s">
        <v>19</v>
      </c>
      <c r="E13" s="42" t="s">
        <v>14</v>
      </c>
      <c r="F13" s="43">
        <v>84</v>
      </c>
      <c r="G13" s="44"/>
      <c r="H13" s="45"/>
    </row>
    <row r="14" spans="1:10" ht="24.95" customHeight="1" x14ac:dyDescent="0.15">
      <c r="A14" s="26">
        <v>2</v>
      </c>
      <c r="B14" s="46" t="s">
        <v>17</v>
      </c>
      <c r="C14" s="26">
        <v>3</v>
      </c>
      <c r="D14" s="47" t="s">
        <v>20</v>
      </c>
      <c r="E14" s="48" t="s">
        <v>14</v>
      </c>
      <c r="F14" s="49">
        <v>74</v>
      </c>
      <c r="G14" s="50"/>
      <c r="H14" s="51"/>
    </row>
    <row r="15" spans="1:10" ht="24.95" customHeight="1" x14ac:dyDescent="0.15">
      <c r="A15" s="26">
        <v>2</v>
      </c>
      <c r="B15" s="34" t="s">
        <v>17</v>
      </c>
      <c r="C15" s="35">
        <v>4</v>
      </c>
      <c r="D15" s="36" t="s">
        <v>21</v>
      </c>
      <c r="E15" s="37" t="s">
        <v>14</v>
      </c>
      <c r="F15" s="31">
        <v>44</v>
      </c>
      <c r="G15" s="52"/>
      <c r="H15" s="33"/>
    </row>
    <row r="16" spans="1:10" ht="24.95" customHeight="1" x14ac:dyDescent="0.15">
      <c r="A16" s="26">
        <v>2</v>
      </c>
      <c r="B16" s="34" t="s">
        <v>17</v>
      </c>
      <c r="C16" s="35">
        <v>5</v>
      </c>
      <c r="D16" s="36" t="s">
        <v>22</v>
      </c>
      <c r="E16" s="37" t="s">
        <v>14</v>
      </c>
      <c r="F16" s="31">
        <v>12</v>
      </c>
      <c r="G16" s="38"/>
      <c r="H16" s="33"/>
    </row>
    <row r="17" spans="1:8" ht="24.95" customHeight="1" x14ac:dyDescent="0.15">
      <c r="A17" s="26">
        <v>2</v>
      </c>
      <c r="B17" s="34" t="s">
        <v>23</v>
      </c>
      <c r="C17" s="35">
        <v>6</v>
      </c>
      <c r="D17" s="36" t="s">
        <v>24</v>
      </c>
      <c r="E17" s="37" t="s">
        <v>25</v>
      </c>
      <c r="F17" s="31">
        <v>8</v>
      </c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44"/>
      <c r="H23" s="45"/>
    </row>
    <row r="24" spans="1:8" ht="24.95" customHeight="1" x14ac:dyDescent="0.15">
      <c r="A24" s="26"/>
      <c r="B24" s="46"/>
      <c r="C24" s="26"/>
      <c r="D24" s="47"/>
      <c r="E24" s="54"/>
      <c r="F24" s="49"/>
      <c r="G24" s="55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26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39"/>
      <c r="B28" s="40"/>
      <c r="C28" s="39"/>
      <c r="D28" s="57"/>
      <c r="E28" s="39"/>
      <c r="F28" s="43"/>
      <c r="G28" s="53"/>
      <c r="H28" s="58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9"/>
      <c r="F33" s="43"/>
      <c r="G33" s="4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5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53"/>
      <c r="H38" s="33"/>
    </row>
    <row r="39" spans="1:8" ht="24.95" customHeight="1" thickBot="1" x14ac:dyDescent="0.2">
      <c r="A39" s="60" t="s">
        <v>2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2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28</v>
      </c>
      <c r="H42" s="65"/>
    </row>
    <row r="43" spans="1:8" ht="20.100000000000001" customHeight="1" x14ac:dyDescent="0.15">
      <c r="A43" s="65"/>
      <c r="B43" s="65" t="s">
        <v>2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3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3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32</v>
      </c>
      <c r="E46" s="65"/>
      <c r="F46" s="65"/>
      <c r="G46" s="65"/>
      <c r="H46" s="66" t="s">
        <v>33</v>
      </c>
    </row>
    <row r="47" spans="1:8" ht="20.100000000000001" customHeight="1" x14ac:dyDescent="0.15">
      <c r="A47" s="65"/>
      <c r="B47" s="65"/>
      <c r="C47" s="65"/>
      <c r="D47" s="66" t="s">
        <v>3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35</v>
      </c>
      <c r="E49" s="65"/>
      <c r="F49" s="68"/>
      <c r="G49" s="65"/>
      <c r="H49" s="66" t="s">
        <v>3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3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3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18:H38 B9:E17 G9:H17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F9:F17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9</vt:lpstr>
      <vt:lpstr>'239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5:27:20Z</dcterms:created>
  <dcterms:modified xsi:type="dcterms:W3CDTF">2024-02-14T05:27:29Z</dcterms:modified>
</cp:coreProperties>
</file>